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1"/>
  </p:sldMasterIdLst>
  <p:notesMasterIdLst>
    <p:notesMasterId r:id="rId16"/>
  </p:notesMasterIdLst>
  <p:handoutMasterIdLst>
    <p:handoutMasterId r:id="rId17"/>
  </p:handoutMasterIdLst>
  <p:sldIdLst>
    <p:sldId id="256" r:id="rId12"/>
    <p:sldId id="258" r:id="rId13"/>
    <p:sldId id="259" r:id="rId14"/>
    <p:sldId id="260" r:id="rId15"/>
  </p:sldIdLst>
  <p:sldSz cx="12192000" cy="6858000"/>
  <p:notesSz cx="6858000" cy="9144000"/>
  <p:embeddedFontLst>
    <p:embeddedFont>
      <p:font typeface="AA Zuehlke" panose="02000503060000020004" pitchFamily="2" charset="0"/>
      <p:regular r:id="rId18"/>
      <p:italic r:id="rId19"/>
    </p:embeddedFont>
    <p:embeddedFont>
      <p:font typeface="AA Zuehlke Medium" panose="02000603060000020004" pitchFamily="2" charset="0"/>
      <p:regular r:id="rId20"/>
      <p:italic r:id="rId21"/>
    </p:embeddedFont>
  </p:embeddedFontLst>
  <p:custDataLst>
    <p:tags r:id="rId22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0000"/>
    <a:srgbClr val="00CC66"/>
    <a:srgbClr val="FF9900"/>
    <a:srgbClr val="F2F2F2"/>
    <a:srgbClr val="CCFF00"/>
    <a:srgbClr val="0099CC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56" autoAdjust="0"/>
    <p:restoredTop sz="94645" autoAdjust="0"/>
  </p:normalViewPr>
  <p:slideViewPr>
    <p:cSldViewPr showGuides="1">
      <p:cViewPr varScale="1">
        <p:scale>
          <a:sx n="115" d="100"/>
          <a:sy n="115" d="100"/>
        </p:scale>
        <p:origin x="144" y="10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font" Target="fonts/font1.fntdata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font" Target="fonts/font4.fntdata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handoutMaster" Target="handoutMasters/handoutMaster1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font" Target="fonts/font2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26/08/2019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26/08/2019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35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300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36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37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1983520e-3abb-46c3-8350-16ba74dbd2f5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enko Laptošević</a:t>
            </a:r>
          </a:p>
        </p:txBody>
      </p:sp>
      <p:sp>
        <p:nvSpPr>
          <p:cNvPr id="5" name="text" descr="{&quot;templafy&quot;:{&quot;id&quot;:&quot;45c190a0-50e1-43ca-8fec-1f112e9ace99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onditional Rendering</a:t>
            </a:r>
          </a:p>
        </p:txBody>
      </p:sp>
      <p:sp>
        <p:nvSpPr>
          <p:cNvPr id="6" name="date" descr="{&quot;templafy&quot;:{&quot;id&quot;:&quot;69a5678c-6212-4ca9-9da0-ee6815b77c93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26/08/2019</a:t>
            </a:r>
          </a:p>
        </p:txBody>
      </p:sp>
      <p:sp>
        <p:nvSpPr>
          <p:cNvPr id="7" name="text" descr="{&quot;templafy&quot;:{&quot;id&quot;:&quot;98b5d2e8-ab4f-4d4c-89aa-473388d524cc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endParaRPr lang="en-GB" sz="800" dirty="0" err="1">
              <a:latin typeface="AA Zuehlke" pitchFamily="2" charset="0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0f2972e9-142c-4def-92fe-797ab497543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38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847c8706-e74e-492c-bfbc-e5c4e6458979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39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19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Relationship Id="rId5" Type="http://schemas.openxmlformats.org/officeDocument/2006/relationships/image" Target="../media/image2.png"/><Relationship Id="rId4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image" Target="../media/image3.png"/><Relationship Id="rId4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7" Type="http://schemas.openxmlformats.org/officeDocument/2006/relationships/image" Target="../media/image6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noProof="0" dirty="0">
                <a:solidFill>
                  <a:srgbClr val="FF9900"/>
                </a:solidFill>
              </a:rPr>
              <a:t>Forms</a:t>
            </a: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182C3A96-BC36-43C2-BD6A-E8F00921C1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06401" y="1796784"/>
            <a:ext cx="11379199" cy="3040751"/>
          </a:xfrm>
        </p:spPr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Form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HTML Form groups together inputs from user</a:t>
            </a:r>
          </a:p>
          <a:p>
            <a:endParaRPr lang="en-GB" dirty="0"/>
          </a:p>
          <a:p>
            <a:r>
              <a:rPr lang="en-GB" dirty="0">
                <a:solidFill>
                  <a:srgbClr val="FF0000"/>
                </a:solidFill>
              </a:rPr>
              <a:t>PROBLEM</a:t>
            </a:r>
            <a:r>
              <a:rPr lang="en-GB" dirty="0"/>
              <a:t>: Data from </a:t>
            </a:r>
            <a:r>
              <a:rPr lang="en-GB" i="1" dirty="0"/>
              <a:t>form</a:t>
            </a:r>
            <a:r>
              <a:rPr lang="en-GB" dirty="0"/>
              <a:t> is stored in HTML DOM, this is not React way.</a:t>
            </a:r>
          </a:p>
          <a:p>
            <a:r>
              <a:rPr lang="en-GB" dirty="0">
                <a:solidFill>
                  <a:srgbClr val="00CC66"/>
                </a:solidFill>
              </a:rPr>
              <a:t>SOLUTION</a:t>
            </a:r>
            <a:r>
              <a:rPr lang="en-GB" dirty="0"/>
              <a:t>: Keep data in component state.</a:t>
            </a:r>
          </a:p>
          <a:p>
            <a:r>
              <a:rPr lang="en-GB" dirty="0">
                <a:solidFill>
                  <a:srgbClr val="000000"/>
                </a:solidFill>
              </a:rPr>
              <a:t>Every  change on form data must be reflected on component state.</a:t>
            </a:r>
          </a:p>
          <a:p>
            <a:r>
              <a:rPr lang="en-GB" dirty="0">
                <a:solidFill>
                  <a:srgbClr val="000000"/>
                </a:solidFill>
              </a:rPr>
              <a:t>It’s done via </a:t>
            </a:r>
            <a:r>
              <a:rPr lang="en-GB" i="1" dirty="0" err="1">
                <a:solidFill>
                  <a:srgbClr val="000000"/>
                </a:solidFill>
              </a:rPr>
              <a:t>onChange</a:t>
            </a:r>
            <a:r>
              <a:rPr lang="en-GB" dirty="0">
                <a:solidFill>
                  <a:srgbClr val="000000"/>
                </a:solidFill>
              </a:rPr>
              <a:t> methods.</a:t>
            </a:r>
          </a:p>
          <a:p>
            <a:r>
              <a:rPr lang="en-GB" dirty="0">
                <a:solidFill>
                  <a:srgbClr val="000000"/>
                </a:solidFill>
              </a:rPr>
              <a:t>When clicking </a:t>
            </a:r>
            <a:r>
              <a:rPr lang="en-GB" i="1" dirty="0">
                <a:solidFill>
                  <a:srgbClr val="000000"/>
                </a:solidFill>
              </a:rPr>
              <a:t>Submit</a:t>
            </a:r>
            <a:r>
              <a:rPr lang="en-GB" dirty="0">
                <a:solidFill>
                  <a:srgbClr val="000000"/>
                </a:solidFill>
              </a:rPr>
              <a:t> button, we read data from component state.</a:t>
            </a:r>
          </a:p>
          <a:p>
            <a:endParaRPr lang="en-GB" dirty="0">
              <a:solidFill>
                <a:srgbClr val="000000"/>
              </a:solidFill>
            </a:endParaRPr>
          </a:p>
          <a:p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37F4B9D2-556B-4381-9348-3D8926571F2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672064" y="1789354"/>
            <a:ext cx="4562475" cy="81915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7646039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Form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Data flow: </a:t>
            </a:r>
          </a:p>
          <a:p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7D22557-C1C1-4109-984D-9501F707C4F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652948" y="2329777"/>
            <a:ext cx="5534025" cy="35814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26342527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Form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Set component state:		Function for state change: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Added </a:t>
            </a:r>
            <a:r>
              <a:rPr lang="en-GB" i="1" dirty="0" err="1"/>
              <a:t>onChange</a:t>
            </a:r>
            <a:r>
              <a:rPr lang="en-GB" dirty="0"/>
              <a:t> handler on input: </a:t>
            </a:r>
          </a:p>
          <a:p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388FA5D-FADC-4FF5-B73D-5C62A99B207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51384" y="2348880"/>
            <a:ext cx="2657475" cy="1362075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ACB40C38-7296-415C-974D-9D108F1EE32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791744" y="2348880"/>
            <a:ext cx="5886450" cy="657225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6163282F-4E80-4D11-A2EA-A9FA5A3D053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386010" y="4423846"/>
            <a:ext cx="7419975" cy="82867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99533053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746835488477258","enableDocumentContentUpdater":true,"version":"1.0"}]]></TemplafySlideTemplateConfiguration>
</file>

<file path=customXml/item10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2.xml><?xml version="1.0" encoding="utf-8"?>
<TemplafyTemplateConfiguration><![CDATA[{"elementsMetadata":[{"type":"shape","id":"1983520e-3abb-46c3-8350-16ba74dbd2f5","elementConfiguration":{"binding":"UserProfile.Name","disableUpdates":false,"type":"text"}},{"type":"shape","id":"45c190a0-50e1-43ca-8fec-1f112e9ace99","elementConfiguration":{"binding":"Form.PresentationTitle","disableUpdates":false,"type":"text"}},{"type":"shape","id":"69a5678c-6212-4ca9-9da0-ee6815b77c93","elementConfiguration":{"binding":"Form.Date","disableUpdates":false,"type":"date"}},{"type":"shape","id":"98b5d2e8-ab4f-4d4c-89aa-473388d524cc","elementConfiguration":{"binding":"Form.Privacy_Information.PrivacyInformation","disableUpdates":false,"type":"text"}},{"type":"shape","id":"0f2972e9-142c-4def-92fe-797ab4975432","elementConfiguration":{"binding":"UserProfile.OFFICE.Company-spelling","disableUpdates":false,"type":"text"}},{"type":"shape","id":"847c8706-e74e-492c-bfbc-e5c4e6458979","elementConfiguration":{"binding":"Form.Date","format":"{{DateFormats.CustomD}}","disableUpdates":false,"type":"date"}}],"transformationConfigurations":[],"templateName":"Empty Zuehlke Template - EN","templateDescription":"Empty presentation 16:9 format EN-UK ","enableDocumentContentUpdater":true,"version":"1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6.xml><?xml version="1.0" encoding="utf-8"?>
<TemplafyFormConfiguration><![CDATA[{"formFields":[{"required":true,"type":"datePicker","name":"Date","label":"Date","helpTexts":{"prefix":"","postfix":""},"spacing":{},"fullyQualifiedName":"Date"},{"dataSource":"PrivacyInformation","displayColumn":"privacyInformation","hideIfNoUserInteractionRequired":false,"distinct":true,"filter":{"column":"iana","otherFieldName":"Language","fullyQualifiedOtherFieldName":"Language","otherFieldColumn":"iana","formReference":"userProfile","operator":"equals"},"required":false,"autoSelectFirstOption":false,"type":"dropDown","name":"Privacy_Information","label":"Privacy","helpTexts":{"prefix":"","postfix":""},"spacing":{},"fullyQualifiedName":"Privacy_Information"},{"required":true,"placeholder":"","lines":0,"type":"textBox","name":"PresentationTitle","label":"Presentation Title","helpTexts":{"prefix":"","postfix":""},"spacing":{},"fullyQualifiedName":"PresentationTitle"}],"formDataEntries":[{"name":"Date","value":"Le5iQ2jK67uNHqr6heTYNw=="},{"name":"PresentationTitle","value":"d+T2Rt+RkaRwuAkZUjMifNOqEssHcfLwg6jE3Easmjw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42D172F-72A1-4859-BC77-2CA436BA65BB}">
  <ds:schemaRefs/>
</ds:datastoreItem>
</file>

<file path=customXml/itemProps10.xml><?xml version="1.0" encoding="utf-8"?>
<ds:datastoreItem xmlns:ds="http://schemas.openxmlformats.org/officeDocument/2006/customXml" ds:itemID="{82F4E4E8-1BCC-4498-8571-DFEDD39960E6}">
  <ds:schemaRefs/>
</ds:datastoreItem>
</file>

<file path=customXml/itemProps2.xml><?xml version="1.0" encoding="utf-8"?>
<ds:datastoreItem xmlns:ds="http://schemas.openxmlformats.org/officeDocument/2006/customXml" ds:itemID="{25CE08FD-F7B6-4F54-8EBC-75735FE238C3}">
  <ds:schemaRefs/>
</ds:datastoreItem>
</file>

<file path=customXml/itemProps3.xml><?xml version="1.0" encoding="utf-8"?>
<ds:datastoreItem xmlns:ds="http://schemas.openxmlformats.org/officeDocument/2006/customXml" ds:itemID="{067CD289-AAE9-47C2-A22E-4A438035E00B}">
  <ds:schemaRefs/>
</ds:datastoreItem>
</file>

<file path=customXml/itemProps4.xml><?xml version="1.0" encoding="utf-8"?>
<ds:datastoreItem xmlns:ds="http://schemas.openxmlformats.org/officeDocument/2006/customXml" ds:itemID="{03575653-F8BF-4601-9883-AE65C74334E5}">
  <ds:schemaRefs/>
</ds:datastoreItem>
</file>

<file path=customXml/itemProps5.xml><?xml version="1.0" encoding="utf-8"?>
<ds:datastoreItem xmlns:ds="http://schemas.openxmlformats.org/officeDocument/2006/customXml" ds:itemID="{CC472C16-D918-4FD1-A8DC-961ED60C4BA4}">
  <ds:schemaRefs/>
</ds:datastoreItem>
</file>

<file path=customXml/itemProps6.xml><?xml version="1.0" encoding="utf-8"?>
<ds:datastoreItem xmlns:ds="http://schemas.openxmlformats.org/officeDocument/2006/customXml" ds:itemID="{9117BA10-B137-4884-BAD1-8347BA164335}">
  <ds:schemaRefs/>
</ds:datastoreItem>
</file>

<file path=customXml/itemProps7.xml><?xml version="1.0" encoding="utf-8"?>
<ds:datastoreItem xmlns:ds="http://schemas.openxmlformats.org/officeDocument/2006/customXml" ds:itemID="{D74782CF-3BBE-4404-A7A3-F17567C7A59C}">
  <ds:schemaRefs/>
</ds:datastoreItem>
</file>

<file path=customXml/itemProps8.xml><?xml version="1.0" encoding="utf-8"?>
<ds:datastoreItem xmlns:ds="http://schemas.openxmlformats.org/officeDocument/2006/customXml" ds:itemID="{481A4217-DB66-49E8-8E86-FC70521ACBE3}">
  <ds:schemaRefs/>
</ds:datastoreItem>
</file>

<file path=customXml/itemProps9.xml><?xml version="1.0" encoding="utf-8"?>
<ds:datastoreItem xmlns:ds="http://schemas.openxmlformats.org/officeDocument/2006/customXml" ds:itemID="{426C8B9D-5AD0-41AE-81D9-38EFCFBA07C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mpty_Presentation_16-9_en-uk</Template>
  <TotalTime>0</TotalTime>
  <Words>73</Words>
  <Application>Microsoft Office PowerPoint</Application>
  <PresentationFormat>Widescreen</PresentationFormat>
  <Paragraphs>17</Paragraphs>
  <Slides>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8" baseType="lpstr">
      <vt:lpstr>AA Zuehlke</vt:lpstr>
      <vt:lpstr>AA Zuehlke Medium</vt:lpstr>
      <vt:lpstr>Symbol</vt:lpstr>
      <vt:lpstr>Zuehlke</vt:lpstr>
      <vt:lpstr>Forms</vt:lpstr>
      <vt:lpstr>Forms</vt:lpstr>
      <vt:lpstr>Forms</vt:lpstr>
      <vt:lpstr>Forms</vt:lpstr>
    </vt:vector>
  </TitlesOfParts>
  <Company>Zuehlke Group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Elisabeth Martin / JSR-JPG</dc:creator>
  <dc:description>Template is part of Tempalfy-Zuehlke</dc:description>
  <cp:lastModifiedBy>Laptosevic, Milenko</cp:lastModifiedBy>
  <cp:revision>36</cp:revision>
  <dcterms:created xsi:type="dcterms:W3CDTF">2018-08-08T10:52:37Z</dcterms:created>
  <dcterms:modified xsi:type="dcterms:W3CDTF">2019-08-26T15:19:39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18T14:12:32.7945098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48175192425</vt:lpwstr>
  </property>
  <property fmtid="{D5CDD505-2E9C-101B-9397-08002B2CF9AE}" pid="6" name="TemplafyLanguageCode">
    <vt:lpwstr>en-GB</vt:lpwstr>
  </property>
</Properties>
</file>